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EEF94"/>
    <a:srgbClr val="E6E0DE"/>
    <a:srgbClr val="C8BCB8"/>
    <a:srgbClr val="B2A29D"/>
    <a:srgbClr val="FEE64B"/>
    <a:srgbClr val="FFF3AB"/>
    <a:srgbClr val="FFF8D1"/>
    <a:srgbClr val="DCA802"/>
    <a:srgbClr val="F0B702"/>
    <a:srgbClr val="FEE07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935568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02147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824236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52198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82750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5144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56063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92154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442688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6449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33284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C4F76D-078C-4E72-8026-F2A29166CD62}" type="datetimeFigureOut">
              <a:rPr lang="en-US" smtClean="0"/>
              <a:t>02/15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BC69A7B-8CD5-4632-9371-891700D7226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781160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image" Target="../media/image1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image" Target="../media/image2.png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3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4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Image result for pulp fiction no background"/>
          <p:cNvPicPr>
            <a:picLocks noChangeAspect="1" noChangeArrowheads="1"/>
          </p:cNvPicPr>
          <p:nvPr/>
        </p:nvPicPr>
        <p:blipFill rotWithShape="1">
          <a:blip r:embed="rId1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4771"/>
          <a:stretch/>
        </p:blipFill>
        <p:spPr bwMode="auto">
          <a:xfrm flipH="1">
            <a:off x="44905" y="2429657"/>
            <a:ext cx="4337243" cy="44089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80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792988" y="2400300"/>
            <a:ext cx="106172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D111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12" name="OTLSHAPE_M_d4411e1beab04461b289f034c497e1b9_Connector2"/>
          <p:cNvCxnSpPr/>
          <p:nvPr>
            <p:custDataLst>
              <p:tags r:id="rId3"/>
            </p:custDataLst>
          </p:nvPr>
        </p:nvCxnSpPr>
        <p:spPr>
          <a:xfrm>
            <a:off x="10625189" y="3310043"/>
            <a:ext cx="0" cy="88900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1" name="OTLSHAPE_M_d4411e1beab04461b289f034c497e1b9_Connector1"/>
          <p:cNvCxnSpPr/>
          <p:nvPr>
            <p:custDataLst>
              <p:tags r:id="rId4"/>
            </p:custDataLst>
          </p:nvPr>
        </p:nvCxnSpPr>
        <p:spPr>
          <a:xfrm>
            <a:off x="10625189" y="2819400"/>
            <a:ext cx="0" cy="127000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0" name="OTLSHAPE_M_1cfb373462504a66af5377cb25514174_Connector1"/>
          <p:cNvCxnSpPr/>
          <p:nvPr>
            <p:custDataLst>
              <p:tags r:id="rId5"/>
            </p:custDataLst>
          </p:nvPr>
        </p:nvCxnSpPr>
        <p:spPr>
          <a:xfrm>
            <a:off x="9677576" y="2819400"/>
            <a:ext cx="0" cy="1057487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9" name="OTLSHAPE_M_34245e7a5fc0495d85f533ec4c8c4d90_Connector2"/>
          <p:cNvCxnSpPr/>
          <p:nvPr>
            <p:custDataLst>
              <p:tags r:id="rId6"/>
            </p:custDataLst>
          </p:nvPr>
        </p:nvCxnSpPr>
        <p:spPr>
          <a:xfrm>
            <a:off x="7342006" y="3310810"/>
            <a:ext cx="0" cy="85422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8" name="OTLSHAPE_M_34245e7a5fc0495d85f533ec4c8c4d90_Connector1"/>
          <p:cNvCxnSpPr/>
          <p:nvPr>
            <p:custDataLst>
              <p:tags r:id="rId7"/>
            </p:custDataLst>
          </p:nvPr>
        </p:nvCxnSpPr>
        <p:spPr>
          <a:xfrm>
            <a:off x="7342006" y="2819400"/>
            <a:ext cx="0" cy="308191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7" name="OTLSHAPE_M_bd1e722943ad4e619098ff22f502198e_Connector1"/>
          <p:cNvCxnSpPr/>
          <p:nvPr>
            <p:custDataLst>
              <p:tags r:id="rId8"/>
            </p:custDataLst>
          </p:nvPr>
        </p:nvCxnSpPr>
        <p:spPr>
          <a:xfrm>
            <a:off x="6719216" y="2819400"/>
            <a:ext cx="0" cy="1045296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6" name="OTLSHAPE_M_2100832453ba450ea0ab5e93a7665381_Connector2"/>
          <p:cNvCxnSpPr/>
          <p:nvPr>
            <p:custDataLst>
              <p:tags r:id="rId9"/>
            </p:custDataLst>
          </p:nvPr>
        </p:nvCxnSpPr>
        <p:spPr>
          <a:xfrm>
            <a:off x="4539664" y="3310043"/>
            <a:ext cx="0" cy="88900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5" name="OTLSHAPE_M_2100832453ba450ea0ab5e93a7665381_Connector1"/>
          <p:cNvCxnSpPr/>
          <p:nvPr>
            <p:custDataLst>
              <p:tags r:id="rId10"/>
            </p:custDataLst>
          </p:nvPr>
        </p:nvCxnSpPr>
        <p:spPr>
          <a:xfrm>
            <a:off x="4539664" y="2819400"/>
            <a:ext cx="0" cy="307425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4" name="OTLSHAPE_M_91839bf6d16544faa3ff4815498e9adc_Connector2"/>
          <p:cNvCxnSpPr/>
          <p:nvPr>
            <p:custDataLst>
              <p:tags r:id="rId11"/>
            </p:custDataLst>
          </p:nvPr>
        </p:nvCxnSpPr>
        <p:spPr>
          <a:xfrm>
            <a:off x="4228055" y="3787987"/>
            <a:ext cx="0" cy="801534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3" name="OTLSHAPE_M_91839bf6d16544faa3ff4815498e9adc_Connector1"/>
          <p:cNvCxnSpPr/>
          <p:nvPr>
            <p:custDataLst>
              <p:tags r:id="rId12"/>
            </p:custDataLst>
          </p:nvPr>
        </p:nvCxnSpPr>
        <p:spPr>
          <a:xfrm>
            <a:off x="4228055" y="2819400"/>
            <a:ext cx="0" cy="785368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2" name="OTLSHAPE_M_54e1bd961229455da744a77c6d35a811_Connector2"/>
          <p:cNvCxnSpPr/>
          <p:nvPr>
            <p:custDataLst>
              <p:tags r:id="rId13"/>
            </p:custDataLst>
          </p:nvPr>
        </p:nvCxnSpPr>
        <p:spPr>
          <a:xfrm>
            <a:off x="3605266" y="4978564"/>
            <a:ext cx="0" cy="483193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" name="OTLSHAPE_M_54e1bd961229455da744a77c6d35a811_Connector1"/>
          <p:cNvCxnSpPr/>
          <p:nvPr>
            <p:custDataLst>
              <p:tags r:id="rId14"/>
            </p:custDataLst>
          </p:nvPr>
        </p:nvCxnSpPr>
        <p:spPr>
          <a:xfrm>
            <a:off x="3605266" y="2819400"/>
            <a:ext cx="0" cy="1975945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0" name="OTLSHAPE_M_e4c9f63e82ad493481248994e89f9fbe_Connector2"/>
          <p:cNvCxnSpPr/>
          <p:nvPr>
            <p:custDataLst>
              <p:tags r:id="rId15"/>
            </p:custDataLst>
          </p:nvPr>
        </p:nvCxnSpPr>
        <p:spPr>
          <a:xfrm>
            <a:off x="9521985" y="2054775"/>
            <a:ext cx="0" cy="307425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9" name="OTLSHAPE_M_e4c9f63e82ad493481248994e89f9fbe_Connector1"/>
          <p:cNvCxnSpPr/>
          <p:nvPr>
            <p:custDataLst>
              <p:tags r:id="rId16"/>
            </p:custDataLst>
          </p:nvPr>
        </p:nvCxnSpPr>
        <p:spPr>
          <a:xfrm>
            <a:off x="9521985" y="1782657"/>
            <a:ext cx="0" cy="88900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8" name="OTLSHAPE_M_4c7a88c2f4d34ccca7c0a40bde41849f_Connector1"/>
          <p:cNvCxnSpPr/>
          <p:nvPr>
            <p:custDataLst>
              <p:tags r:id="rId17"/>
            </p:custDataLst>
          </p:nvPr>
        </p:nvCxnSpPr>
        <p:spPr>
          <a:xfrm>
            <a:off x="7186416" y="1782657"/>
            <a:ext cx="0" cy="579543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7" name="OTLSHAPE_M_0fd9b9afa4424994912c8fec01a5741e_Connector1"/>
          <p:cNvCxnSpPr/>
          <p:nvPr>
            <p:custDataLst>
              <p:tags r:id="rId18"/>
            </p:custDataLst>
          </p:nvPr>
        </p:nvCxnSpPr>
        <p:spPr>
          <a:xfrm>
            <a:off x="6408034" y="1300780"/>
            <a:ext cx="0" cy="1061420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6" name="OTLSHAPE_M_5bd41be6e53f48f0be06b8a714bde27b_Connector1"/>
          <p:cNvCxnSpPr/>
          <p:nvPr>
            <p:custDataLst>
              <p:tags r:id="rId19"/>
            </p:custDataLst>
          </p:nvPr>
        </p:nvCxnSpPr>
        <p:spPr>
          <a:xfrm>
            <a:off x="4383646" y="1782657"/>
            <a:ext cx="0" cy="579543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5" name="OTLSHAPE_M_f65ce264d41a4de39d7df42d36080c17_Connector2"/>
          <p:cNvCxnSpPr/>
          <p:nvPr>
            <p:custDataLst>
              <p:tags r:id="rId20"/>
            </p:custDataLst>
          </p:nvPr>
        </p:nvCxnSpPr>
        <p:spPr>
          <a:xfrm>
            <a:off x="4228055" y="1576832"/>
            <a:ext cx="0" cy="785368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4" name="OTLSHAPE_M_f65ce264d41a4de39d7df42d36080c17_Connector1"/>
          <p:cNvCxnSpPr/>
          <p:nvPr>
            <p:custDataLst>
              <p:tags r:id="rId21"/>
            </p:custDataLst>
          </p:nvPr>
        </p:nvCxnSpPr>
        <p:spPr>
          <a:xfrm>
            <a:off x="4228055" y="1304713"/>
            <a:ext cx="0" cy="88900"/>
          </a:xfrm>
          <a:prstGeom prst="line">
            <a:avLst/>
          </a:prstGeom>
          <a:ln w="9525" cap="flat" cmpd="sng" algn="ctr">
            <a:solidFill>
              <a:srgbClr val="FEE6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3" name="OTLSHAPE_M_b5520374bd2f4588966ff551e085eeac_Connector3"/>
          <p:cNvCxnSpPr/>
          <p:nvPr>
            <p:custDataLst>
              <p:tags r:id="rId22"/>
            </p:custDataLst>
          </p:nvPr>
        </p:nvCxnSpPr>
        <p:spPr>
          <a:xfrm>
            <a:off x="3760856" y="1576832"/>
            <a:ext cx="0" cy="785368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2" name="OTLSHAPE_M_b5520374bd2f4588966ff551e085eeac_Connector2"/>
          <p:cNvCxnSpPr/>
          <p:nvPr>
            <p:custDataLst>
              <p:tags r:id="rId23"/>
            </p:custDataLst>
          </p:nvPr>
        </p:nvCxnSpPr>
        <p:spPr>
          <a:xfrm>
            <a:off x="3760856" y="1098889"/>
            <a:ext cx="0" cy="294725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1" name="OTLSHAPE_M_b5520374bd2f4588966ff551e085eeac_Connector1"/>
          <p:cNvCxnSpPr/>
          <p:nvPr>
            <p:custDataLst>
              <p:tags r:id="rId24"/>
            </p:custDataLst>
          </p:nvPr>
        </p:nvCxnSpPr>
        <p:spPr>
          <a:xfrm>
            <a:off x="3760856" y="826770"/>
            <a:ext cx="0" cy="88900"/>
          </a:xfrm>
          <a:prstGeom prst="line">
            <a:avLst/>
          </a:prstGeom>
          <a:ln w="9525" cap="flat" cmpd="sng" algn="ctr">
            <a:solidFill>
              <a:srgbClr val="C8BC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482" name="Picture 6481"/>
          <p:cNvPicPr>
            <a:picLocks noChangeAspect="1"/>
          </p:cNvPicPr>
          <p:nvPr/>
        </p:nvPicPr>
        <p:blipFill>
          <a:blip r:embed="rId119"/>
          <a:stretch>
            <a:fillRect/>
          </a:stretch>
        </p:blipFill>
        <p:spPr>
          <a:xfrm>
            <a:off x="7616370" y="2401611"/>
            <a:ext cx="1153284" cy="372027"/>
          </a:xfrm>
          <a:prstGeom prst="rect">
            <a:avLst/>
          </a:prstGeom>
          <a:effectLst>
            <a:softEdge rad="25400"/>
          </a:effectLst>
        </p:spPr>
      </p:pic>
      <p:pic>
        <p:nvPicPr>
          <p:cNvPr id="2195" name="Picture 2194"/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 flipH="1" flipV="1">
            <a:off x="8703239" y="2400299"/>
            <a:ext cx="2505805" cy="365677"/>
          </a:xfrm>
          <a:prstGeom prst="rect">
            <a:avLst/>
          </a:prstGeom>
          <a:effectLst>
            <a:softEdge rad="25400"/>
          </a:effectLst>
        </p:spPr>
      </p:pic>
      <p:pic>
        <p:nvPicPr>
          <p:cNvPr id="2194" name="Picture 2193"/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 flipV="1">
            <a:off x="5032370" y="2415623"/>
            <a:ext cx="2505805" cy="365677"/>
          </a:xfrm>
          <a:prstGeom prst="rect">
            <a:avLst/>
          </a:prstGeom>
          <a:effectLst>
            <a:softEdge rad="12700"/>
          </a:effectLst>
        </p:spPr>
      </p:pic>
      <p:pic>
        <p:nvPicPr>
          <p:cNvPr id="6481" name="Picture 6480"/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988585" y="2409273"/>
            <a:ext cx="2505805" cy="365677"/>
          </a:xfrm>
          <a:prstGeom prst="rect">
            <a:avLst/>
          </a:prstGeom>
          <a:effectLst>
            <a:softEdge rad="12700"/>
          </a:effectLst>
        </p:spPr>
      </p:pic>
      <p:pic>
        <p:nvPicPr>
          <p:cNvPr id="1088" name="Picture 2" descr="Image result for pulp fiction no background"/>
          <p:cNvPicPr>
            <a:picLocks noChangeAspect="1" noChangeArrowheads="1"/>
          </p:cNvPicPr>
          <p:nvPr/>
        </p:nvPicPr>
        <p:blipFill rotWithShape="1">
          <a:blip r:embed="rId1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01"/>
          <a:stretch/>
        </p:blipFill>
        <p:spPr bwMode="auto">
          <a:xfrm flipH="1">
            <a:off x="9568093" y="4133512"/>
            <a:ext cx="2639282" cy="26829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78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254000" y="2466785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4" smtClean="0">
                <a:solidFill>
                  <a:srgbClr val="F7C00B"/>
                </a:solidFill>
                <a:latin typeface="Calibri" panose="020F0502020204030204" pitchFamily="34" charset="0"/>
              </a:rPr>
              <a:t>1954</a:t>
            </a:r>
            <a:endParaRPr lang="en-US" sz="1600" b="1" spc="-34">
              <a:solidFill>
                <a:srgbClr val="F7C00B"/>
              </a:solidFill>
              <a:latin typeface="Calibri" panose="020F0502020204030204" pitchFamily="34" charset="0"/>
            </a:endParaRPr>
          </a:p>
        </p:txBody>
      </p:sp>
      <p:sp>
        <p:nvSpPr>
          <p:cNvPr id="1079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526012" y="2466785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4" smtClean="0">
                <a:solidFill>
                  <a:srgbClr val="F7C00B"/>
                </a:solidFill>
                <a:latin typeface="Calibri" panose="020F0502020204030204" pitchFamily="34" charset="0"/>
              </a:rPr>
              <a:t>2019</a:t>
            </a:r>
            <a:endParaRPr lang="en-US" sz="1600" b="1" spc="-34">
              <a:solidFill>
                <a:srgbClr val="F7C00B"/>
              </a:solidFill>
              <a:latin typeface="Calibri" panose="020F0502020204030204" pitchFamily="34" charset="0"/>
            </a:endParaRPr>
          </a:p>
        </p:txBody>
      </p:sp>
      <p:sp>
        <p:nvSpPr>
          <p:cNvPr id="1081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2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10887675" y="27813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3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761976" y="29083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4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21588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1954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1085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1892060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6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1955560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1960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1087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2826458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2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2889958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1966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9153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3760431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4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3823931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1972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9155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4694829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6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4758329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1978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9157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5628801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8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5692301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1984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9159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6563199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0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6626699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1990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9161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7497171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2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7560671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1996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9163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8431570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4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8495070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2002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9165" name="OTLSHAPE_TB_00000000000000000000000000000000_Separator9"/>
          <p:cNvCxnSpPr/>
          <p:nvPr>
            <p:custDataLst>
              <p:tags r:id="rId47"/>
            </p:custDataLst>
          </p:nvPr>
        </p:nvCxnSpPr>
        <p:spPr>
          <a:xfrm>
            <a:off x="9365542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6" name="OTLSHAPE_TB_00000000000000000000000000000000_TimescaleInterval10"/>
          <p:cNvSpPr txBox="1"/>
          <p:nvPr>
            <p:custDataLst>
              <p:tags r:id="rId48"/>
            </p:custDataLst>
          </p:nvPr>
        </p:nvSpPr>
        <p:spPr>
          <a:xfrm>
            <a:off x="9429042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2008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cxnSp>
        <p:nvCxnSpPr>
          <p:cNvPr id="1089" name="OTLSHAPE_TB_00000000000000000000000000000000_Separator10"/>
          <p:cNvCxnSpPr/>
          <p:nvPr>
            <p:custDataLst>
              <p:tags r:id="rId49"/>
            </p:custDataLst>
          </p:nvPr>
        </p:nvCxnSpPr>
        <p:spPr>
          <a:xfrm>
            <a:off x="10299940" y="2438400"/>
            <a:ext cx="0" cy="304800"/>
          </a:xfrm>
          <a:prstGeom prst="line">
            <a:avLst/>
          </a:prstGeom>
          <a:ln w="6350" cap="flat" cmpd="sng" algn="ctr">
            <a:solidFill>
              <a:srgbClr val="FEE64B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0" name="OTLSHAPE_TB_00000000000000000000000000000000_TimescaleInterval11"/>
          <p:cNvSpPr txBox="1"/>
          <p:nvPr>
            <p:custDataLst>
              <p:tags r:id="rId50"/>
            </p:custDataLst>
          </p:nvPr>
        </p:nvSpPr>
        <p:spPr>
          <a:xfrm>
            <a:off x="10363440" y="24977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rgbClr val="FEE64B"/>
                </a:solidFill>
                <a:latin typeface="Calibri" panose="020F0502020204030204" pitchFamily="34" charset="0"/>
              </a:rPr>
              <a:t>2014</a:t>
            </a:r>
            <a:endParaRPr lang="en-US" sz="1200" b="1" spc="-20">
              <a:solidFill>
                <a:srgbClr val="FEE64B"/>
              </a:solidFill>
              <a:latin typeface="Calibri" panose="020F0502020204030204" pitchFamily="34" charset="0"/>
            </a:endParaRPr>
          </a:p>
        </p:txBody>
      </p:sp>
      <p:sp>
        <p:nvSpPr>
          <p:cNvPr id="1113" name="OTLSHAPE_M_066f9f8f5e7a47b695a3d52d62f4967e_Title"/>
          <p:cNvSpPr txBox="1"/>
          <p:nvPr>
            <p:custDataLst>
              <p:tags r:id="rId51"/>
            </p:custDataLst>
          </p:nvPr>
        </p:nvSpPr>
        <p:spPr>
          <a:xfrm>
            <a:off x="213356" y="1871557"/>
            <a:ext cx="15240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E6E0DE"/>
                </a:solidFill>
                <a:latin typeface="Century Schoolbook" panose="02040604050505020304" pitchFamily="18" charset="0"/>
              </a:rPr>
              <a:t>John Travolta is born</a:t>
            </a:r>
            <a:endParaRPr lang="en-US" sz="1200" spc="-8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14" name="OTLSHAPE_M_066f9f8f5e7a47b695a3d52d62f4967e_Date"/>
          <p:cNvSpPr txBox="1"/>
          <p:nvPr>
            <p:custDataLst>
              <p:tags r:id="rId52"/>
            </p:custDataLst>
          </p:nvPr>
        </p:nvSpPr>
        <p:spPr>
          <a:xfrm>
            <a:off x="641706" y="208017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8BCB8"/>
                </a:solidFill>
                <a:latin typeface="Calibri" panose="020F0502020204030204" pitchFamily="34" charset="0"/>
              </a:rPr>
              <a:t>Feb 18, 1954</a:t>
            </a:r>
            <a:endParaRPr lang="en-US" sz="1000" spc="-6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1115" name="OTLSHAPE_M_066f9f8f5e7a47b695a3d52d62f4967e_Shape"/>
          <p:cNvSpPr/>
          <p:nvPr>
            <p:custDataLst>
              <p:tags r:id="rId53"/>
            </p:custDataLst>
          </p:nvPr>
        </p:nvSpPr>
        <p:spPr>
          <a:xfrm>
            <a:off x="887535" y="22606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6" name="OTLSHAPE_M_b5520374bd2f4588966ff551e085eeac_Title"/>
          <p:cNvSpPr txBox="1"/>
          <p:nvPr>
            <p:custDataLst>
              <p:tags r:id="rId54"/>
            </p:custDataLst>
          </p:nvPr>
        </p:nvSpPr>
        <p:spPr>
          <a:xfrm>
            <a:off x="2809203" y="437727"/>
            <a:ext cx="18923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E6E0DE"/>
                </a:solidFill>
                <a:latin typeface="Century Schoolbook" panose="02040604050505020304" pitchFamily="18" charset="0"/>
              </a:rPr>
              <a:t>First TV role (Emergency!)</a:t>
            </a:r>
            <a:endParaRPr lang="en-US" sz="1200" spc="-6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17" name="OTLSHAPE_M_b5520374bd2f4588966ff551e085eeac_Date"/>
          <p:cNvSpPr txBox="1"/>
          <p:nvPr>
            <p:custDataLst>
              <p:tags r:id="rId55"/>
            </p:custDataLst>
          </p:nvPr>
        </p:nvSpPr>
        <p:spPr>
          <a:xfrm>
            <a:off x="3625728" y="64634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8BCB8"/>
                </a:solidFill>
                <a:latin typeface="Calibri" panose="020F0502020204030204" pitchFamily="34" charset="0"/>
              </a:rPr>
              <a:t>1972</a:t>
            </a:r>
            <a:endParaRPr lang="en-US" sz="1000" spc="-10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1118" name="OTLSHAPE_M_b5520374bd2f4588966ff551e085eeac_Shape"/>
          <p:cNvSpPr/>
          <p:nvPr>
            <p:custDataLst>
              <p:tags r:id="rId56"/>
            </p:custDataLst>
          </p:nvPr>
        </p:nvSpPr>
        <p:spPr>
          <a:xfrm>
            <a:off x="3669416" y="22606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9" name="OTLSHAPE_M_f65ce264d41a4de39d7df42d36080c17_Title"/>
          <p:cNvSpPr txBox="1"/>
          <p:nvPr>
            <p:custDataLst>
              <p:tags r:id="rId57"/>
            </p:custDataLst>
          </p:nvPr>
        </p:nvSpPr>
        <p:spPr>
          <a:xfrm>
            <a:off x="3438581" y="915670"/>
            <a:ext cx="15748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dirty="0" smtClean="0">
                <a:solidFill>
                  <a:srgbClr val="FEEF94"/>
                </a:solidFill>
                <a:latin typeface="Century Schoolbook" panose="02040604050505020304" pitchFamily="18" charset="0"/>
              </a:rPr>
              <a:t>Welcome Back, Kotter</a:t>
            </a:r>
            <a:endParaRPr lang="en-US" sz="1200" spc="-8" dirty="0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20" name="OTLSHAPE_M_f65ce264d41a4de39d7df42d36080c17_Date"/>
          <p:cNvSpPr txBox="1"/>
          <p:nvPr>
            <p:custDataLst>
              <p:tags r:id="rId58"/>
            </p:custDataLst>
          </p:nvPr>
        </p:nvSpPr>
        <p:spPr>
          <a:xfrm>
            <a:off x="4092928" y="11242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1975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1121" name="OTLSHAPE_M_f65ce264d41a4de39d7df42d36080c17_Shape"/>
          <p:cNvSpPr/>
          <p:nvPr>
            <p:custDataLst>
              <p:tags r:id="rId59"/>
            </p:custDataLst>
          </p:nvPr>
        </p:nvSpPr>
        <p:spPr>
          <a:xfrm>
            <a:off x="4136616" y="22606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2" name="OTLSHAPE_M_5bd41be6e53f48f0be06b8a714bde27b_Title"/>
          <p:cNvSpPr txBox="1"/>
          <p:nvPr>
            <p:custDataLst>
              <p:tags r:id="rId60"/>
            </p:custDataLst>
          </p:nvPr>
        </p:nvSpPr>
        <p:spPr>
          <a:xfrm>
            <a:off x="3595527" y="1393613"/>
            <a:ext cx="15748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E6E0DE"/>
                </a:solidFill>
                <a:latin typeface="Century Schoolbook" panose="02040604050505020304" pitchFamily="18" charset="0"/>
              </a:rPr>
              <a:t>Gets his pilot's license</a:t>
            </a:r>
            <a:endParaRPr lang="en-US" sz="1200" spc="-6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23" name="OTLSHAPE_M_5bd41be6e53f48f0be06b8a714bde27b_Date"/>
          <p:cNvSpPr txBox="1"/>
          <p:nvPr>
            <p:custDataLst>
              <p:tags r:id="rId61"/>
            </p:custDataLst>
          </p:nvPr>
        </p:nvSpPr>
        <p:spPr>
          <a:xfrm>
            <a:off x="4248519" y="16022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8BCB8"/>
                </a:solidFill>
                <a:latin typeface="Calibri" panose="020F0502020204030204" pitchFamily="34" charset="0"/>
              </a:rPr>
              <a:t>1976</a:t>
            </a:r>
            <a:endParaRPr lang="en-US" sz="1000" spc="-10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1124" name="OTLSHAPE_M_5bd41be6e53f48f0be06b8a714bde27b_Shape"/>
          <p:cNvSpPr/>
          <p:nvPr>
            <p:custDataLst>
              <p:tags r:id="rId62"/>
            </p:custDataLst>
          </p:nvPr>
        </p:nvSpPr>
        <p:spPr>
          <a:xfrm>
            <a:off x="4292207" y="22606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5" name="OTLSHAPE_M_dcbb53193e914c38b02d7b4270ef0caf_Title"/>
          <p:cNvSpPr txBox="1"/>
          <p:nvPr>
            <p:custDataLst>
              <p:tags r:id="rId63"/>
            </p:custDataLst>
          </p:nvPr>
        </p:nvSpPr>
        <p:spPr>
          <a:xfrm>
            <a:off x="4441975" y="1871557"/>
            <a:ext cx="4953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0" dirty="0" smtClean="0">
                <a:solidFill>
                  <a:srgbClr val="FEEF94"/>
                </a:solidFill>
                <a:latin typeface="Century Schoolbook" panose="02040604050505020304" pitchFamily="18" charset="0"/>
              </a:rPr>
              <a:t>Grease</a:t>
            </a:r>
            <a:endParaRPr lang="en-US" sz="1200" spc="-20" dirty="0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26" name="OTLSHAPE_M_dcbb53193e914c38b02d7b4270ef0caf_Date"/>
          <p:cNvSpPr txBox="1"/>
          <p:nvPr>
            <p:custDataLst>
              <p:tags r:id="rId64"/>
            </p:custDataLst>
          </p:nvPr>
        </p:nvSpPr>
        <p:spPr>
          <a:xfrm>
            <a:off x="4560127" y="20801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1978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1127" name="OTLSHAPE_M_dcbb53193e914c38b02d7b4270ef0caf_Shape"/>
          <p:cNvSpPr/>
          <p:nvPr>
            <p:custDataLst>
              <p:tags r:id="rId65"/>
            </p:custDataLst>
          </p:nvPr>
        </p:nvSpPr>
        <p:spPr>
          <a:xfrm>
            <a:off x="4603815" y="22606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8" name="OTLSHAPE_M_0fd9b9afa4424994912c8fec01a5741e_Title"/>
          <p:cNvSpPr txBox="1"/>
          <p:nvPr>
            <p:custDataLst>
              <p:tags r:id="rId66"/>
            </p:custDataLst>
          </p:nvPr>
        </p:nvSpPr>
        <p:spPr>
          <a:xfrm>
            <a:off x="5703100" y="911737"/>
            <a:ext cx="14097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 smtClean="0">
                <a:solidFill>
                  <a:srgbClr val="FEEF94"/>
                </a:solidFill>
                <a:latin typeface="Century Schoolbook" panose="02040604050505020304" pitchFamily="18" charset="0"/>
              </a:rPr>
              <a:t>Look Who's Talking</a:t>
            </a:r>
            <a:endParaRPr lang="en-US" sz="1200" spc="-8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29" name="OTLSHAPE_M_0fd9b9afa4424994912c8fec01a5741e_Date"/>
          <p:cNvSpPr txBox="1"/>
          <p:nvPr>
            <p:custDataLst>
              <p:tags r:id="rId67"/>
            </p:custDataLst>
          </p:nvPr>
        </p:nvSpPr>
        <p:spPr>
          <a:xfrm>
            <a:off x="6272906" y="112035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1989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1130" name="OTLSHAPE_M_0fd9b9afa4424994912c8fec01a5741e_Shape"/>
          <p:cNvSpPr/>
          <p:nvPr>
            <p:custDataLst>
              <p:tags r:id="rId68"/>
            </p:custDataLst>
          </p:nvPr>
        </p:nvSpPr>
        <p:spPr>
          <a:xfrm>
            <a:off x="6316594" y="22606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1" name="OTLSHAPE_M_4c7a88c2f4d34ccca7c0a40bde41849f_Title"/>
          <p:cNvSpPr txBox="1"/>
          <p:nvPr>
            <p:custDataLst>
              <p:tags r:id="rId69"/>
            </p:custDataLst>
          </p:nvPr>
        </p:nvSpPr>
        <p:spPr>
          <a:xfrm>
            <a:off x="6746826" y="1393613"/>
            <a:ext cx="8763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rgbClr val="FEEF94"/>
                </a:solidFill>
                <a:latin typeface="Century Schoolbook" panose="02040604050505020304" pitchFamily="18" charset="0"/>
              </a:rPr>
              <a:t>Pulp Fiction</a:t>
            </a:r>
            <a:endParaRPr lang="en-US" sz="1200" spc="-12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32" name="OTLSHAPE_M_4c7a88c2f4d34ccca7c0a40bde41849f_Date"/>
          <p:cNvSpPr txBox="1"/>
          <p:nvPr>
            <p:custDataLst>
              <p:tags r:id="rId70"/>
            </p:custDataLst>
          </p:nvPr>
        </p:nvSpPr>
        <p:spPr>
          <a:xfrm>
            <a:off x="7051287" y="16022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1994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1133" name="OTLSHAPE_M_4c7a88c2f4d34ccca7c0a40bde41849f_Shape"/>
          <p:cNvSpPr/>
          <p:nvPr>
            <p:custDataLst>
              <p:tags r:id="rId71"/>
            </p:custDataLst>
          </p:nvPr>
        </p:nvSpPr>
        <p:spPr>
          <a:xfrm>
            <a:off x="7094975" y="22606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4" name="OTLSHAPE_M_32497c7a8a4e47fe8dac04bdc6a7f10e_Title"/>
          <p:cNvSpPr txBox="1"/>
          <p:nvPr>
            <p:custDataLst>
              <p:tags r:id="rId72"/>
            </p:custDataLst>
          </p:nvPr>
        </p:nvSpPr>
        <p:spPr>
          <a:xfrm>
            <a:off x="7350952" y="1871557"/>
            <a:ext cx="5969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8" dirty="0" smtClean="0">
                <a:solidFill>
                  <a:srgbClr val="FEEF94"/>
                </a:solidFill>
                <a:latin typeface="Century Schoolbook" panose="02040604050505020304" pitchFamily="18" charset="0"/>
              </a:rPr>
              <a:t>Face/Off</a:t>
            </a:r>
            <a:endParaRPr lang="en-US" sz="1200" spc="-18" dirty="0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35" name="OTLSHAPE_M_32497c7a8a4e47fe8dac04bdc6a7f10e_Date"/>
          <p:cNvSpPr txBox="1"/>
          <p:nvPr>
            <p:custDataLst>
              <p:tags r:id="rId73"/>
            </p:custDataLst>
          </p:nvPr>
        </p:nvSpPr>
        <p:spPr>
          <a:xfrm>
            <a:off x="7518487" y="20801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1997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1136" name="OTLSHAPE_M_32497c7a8a4e47fe8dac04bdc6a7f10e_Shape"/>
          <p:cNvSpPr/>
          <p:nvPr>
            <p:custDataLst>
              <p:tags r:id="rId74"/>
            </p:custDataLst>
          </p:nvPr>
        </p:nvSpPr>
        <p:spPr>
          <a:xfrm>
            <a:off x="7562174" y="22606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7" name="OTLSHAPE_M_58655e5507c84332a2a41e5321253eb1_Title"/>
          <p:cNvSpPr txBox="1"/>
          <p:nvPr>
            <p:custDataLst>
              <p:tags r:id="rId75"/>
            </p:custDataLst>
          </p:nvPr>
        </p:nvSpPr>
        <p:spPr>
          <a:xfrm>
            <a:off x="8258546" y="1871557"/>
            <a:ext cx="9652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 smtClean="0">
                <a:solidFill>
                  <a:srgbClr val="FEEF94"/>
                </a:solidFill>
                <a:latin typeface="Century Schoolbook" panose="02040604050505020304" pitchFamily="18" charset="0"/>
              </a:rPr>
              <a:t>The Punisher</a:t>
            </a:r>
            <a:endParaRPr lang="en-US" sz="1200" spc="-12" dirty="0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38" name="OTLSHAPE_M_58655e5507c84332a2a41e5321253eb1_Date"/>
          <p:cNvSpPr txBox="1"/>
          <p:nvPr>
            <p:custDataLst>
              <p:tags r:id="rId76"/>
            </p:custDataLst>
          </p:nvPr>
        </p:nvSpPr>
        <p:spPr>
          <a:xfrm>
            <a:off x="8608050" y="20801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2004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1139" name="OTLSHAPE_M_58655e5507c84332a2a41e5321253eb1_Shape"/>
          <p:cNvSpPr/>
          <p:nvPr>
            <p:custDataLst>
              <p:tags r:id="rId77"/>
            </p:custDataLst>
          </p:nvPr>
        </p:nvSpPr>
        <p:spPr>
          <a:xfrm>
            <a:off x="8651738" y="22606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0" name="OTLSHAPE_M_e4c9f63e82ad493481248994e89f9fbe_Title"/>
          <p:cNvSpPr txBox="1"/>
          <p:nvPr>
            <p:custDataLst>
              <p:tags r:id="rId78"/>
            </p:custDataLst>
          </p:nvPr>
        </p:nvSpPr>
        <p:spPr>
          <a:xfrm>
            <a:off x="8675720" y="1393613"/>
            <a:ext cx="16891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E6E0DE"/>
                </a:solidFill>
                <a:latin typeface="Century Schoolbook" panose="02040604050505020304" pitchFamily="18" charset="0"/>
              </a:rPr>
              <a:t>Son, Jett, dies at age 16</a:t>
            </a:r>
            <a:endParaRPr lang="en-US" sz="1200" spc="-6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41" name="OTLSHAPE_M_e4c9f63e82ad493481248994e89f9fbe_Date"/>
          <p:cNvSpPr txBox="1"/>
          <p:nvPr>
            <p:custDataLst>
              <p:tags r:id="rId79"/>
            </p:custDataLst>
          </p:nvPr>
        </p:nvSpPr>
        <p:spPr>
          <a:xfrm>
            <a:off x="9386856" y="16022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8BCB8"/>
                </a:solidFill>
                <a:latin typeface="Calibri" panose="020F0502020204030204" pitchFamily="34" charset="0"/>
              </a:rPr>
              <a:t>2009</a:t>
            </a:r>
            <a:endParaRPr lang="en-US" sz="1000" spc="-10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1142" name="OTLSHAPE_M_e4c9f63e82ad493481248994e89f9fbe_Shape"/>
          <p:cNvSpPr/>
          <p:nvPr>
            <p:custDataLst>
              <p:tags r:id="rId80"/>
            </p:custDataLst>
          </p:nvPr>
        </p:nvSpPr>
        <p:spPr>
          <a:xfrm>
            <a:off x="9430545" y="22606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3" name="OTLSHAPE_M_7cfc1d2da84640968dc8e556bf469657_Title"/>
          <p:cNvSpPr txBox="1"/>
          <p:nvPr>
            <p:custDataLst>
              <p:tags r:id="rId81"/>
            </p:custDataLst>
          </p:nvPr>
        </p:nvSpPr>
        <p:spPr>
          <a:xfrm>
            <a:off x="9508572" y="1871557"/>
            <a:ext cx="24257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dirty="0" smtClean="0">
                <a:solidFill>
                  <a:srgbClr val="E6E0DE"/>
                </a:solidFill>
                <a:latin typeface="Century Schoolbook" panose="02040604050505020304" pitchFamily="18" charset="0"/>
              </a:rPr>
              <a:t>Receives Primetime Emmy Award</a:t>
            </a:r>
            <a:endParaRPr lang="en-US" sz="1200" spc="-6" dirty="0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44" name="OTLSHAPE_M_7cfc1d2da84640968dc8e556bf469657_Date"/>
          <p:cNvSpPr txBox="1"/>
          <p:nvPr>
            <p:custDataLst>
              <p:tags r:id="rId82"/>
            </p:custDataLst>
          </p:nvPr>
        </p:nvSpPr>
        <p:spPr>
          <a:xfrm>
            <a:off x="10586400" y="20801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8BCB8"/>
                </a:solidFill>
                <a:latin typeface="Calibri" panose="020F0502020204030204" pitchFamily="34" charset="0"/>
              </a:rPr>
              <a:t>2016</a:t>
            </a:r>
            <a:endParaRPr lang="en-US" sz="1000" spc="-10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1145" name="OTLSHAPE_M_7cfc1d2da84640968dc8e556bf469657_Shape"/>
          <p:cNvSpPr/>
          <p:nvPr>
            <p:custDataLst>
              <p:tags r:id="rId83"/>
            </p:custDataLst>
          </p:nvPr>
        </p:nvSpPr>
        <p:spPr>
          <a:xfrm>
            <a:off x="10630088" y="22606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6" name="OTLSHAPE_M_54e1bd961229455da744a77c6d35a811_Title"/>
          <p:cNvSpPr txBox="1"/>
          <p:nvPr>
            <p:custDataLst>
              <p:tags r:id="rId84"/>
            </p:custDataLst>
          </p:nvPr>
        </p:nvSpPr>
        <p:spPr>
          <a:xfrm>
            <a:off x="2931594" y="5667582"/>
            <a:ext cx="13462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dirty="0" smtClean="0">
                <a:solidFill>
                  <a:srgbClr val="E6E0DE"/>
                </a:solidFill>
                <a:latin typeface="Century Schoolbook" panose="02040604050505020304" pitchFamily="18" charset="0"/>
              </a:rPr>
              <a:t>Drops out of school</a:t>
            </a:r>
            <a:endParaRPr lang="en-US" sz="1200" spc="-8" dirty="0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47" name="OTLSHAPE_M_54e1bd961229455da744a77c6d35a811_Date"/>
          <p:cNvSpPr txBox="1"/>
          <p:nvPr>
            <p:custDataLst>
              <p:tags r:id="rId85"/>
            </p:custDataLst>
          </p:nvPr>
        </p:nvSpPr>
        <p:spPr>
          <a:xfrm>
            <a:off x="3470137" y="548715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8BCB8"/>
                </a:solidFill>
                <a:latin typeface="Calibri" panose="020F0502020204030204" pitchFamily="34" charset="0"/>
              </a:rPr>
              <a:t>1971</a:t>
            </a:r>
            <a:endParaRPr lang="en-US" sz="1000" spc="-10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1148" name="OTLSHAPE_M_54e1bd961229455da744a77c6d35a811_Shape"/>
          <p:cNvSpPr/>
          <p:nvPr>
            <p:custDataLst>
              <p:tags r:id="rId86"/>
            </p:custDataLst>
          </p:nvPr>
        </p:nvSpPr>
        <p:spPr>
          <a:xfrm>
            <a:off x="3513825" y="27178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9" name="OTLSHAPE_M_91839bf6d16544faa3ff4815498e9adc_Title"/>
          <p:cNvSpPr txBox="1"/>
          <p:nvPr>
            <p:custDataLst>
              <p:tags r:id="rId87"/>
            </p:custDataLst>
          </p:nvPr>
        </p:nvSpPr>
        <p:spPr>
          <a:xfrm>
            <a:off x="3108445" y="4795345"/>
            <a:ext cx="22352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dirty="0" smtClean="0">
                <a:solidFill>
                  <a:srgbClr val="E6E0DE"/>
                </a:solidFill>
                <a:latin typeface="Century Schoolbook" panose="02040604050505020304" pitchFamily="18" charset="0"/>
              </a:rPr>
              <a:t>Joins the Church of Scientology</a:t>
            </a:r>
            <a:endParaRPr lang="en-US" sz="1200" spc="-6" dirty="0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1150" name="OTLSHAPE_M_91839bf6d16544faa3ff4815498e9adc_Date"/>
          <p:cNvSpPr txBox="1"/>
          <p:nvPr>
            <p:custDataLst>
              <p:tags r:id="rId88"/>
            </p:custDataLst>
          </p:nvPr>
        </p:nvSpPr>
        <p:spPr>
          <a:xfrm>
            <a:off x="4092928" y="461492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8BCB8"/>
                </a:solidFill>
                <a:latin typeface="Calibri" panose="020F0502020204030204" pitchFamily="34" charset="0"/>
              </a:rPr>
              <a:t>1975</a:t>
            </a:r>
            <a:endParaRPr lang="en-US" sz="1000" spc="-10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1151" name="OTLSHAPE_M_91839bf6d16544faa3ff4815498e9adc_Shape"/>
          <p:cNvSpPr/>
          <p:nvPr>
            <p:custDataLst>
              <p:tags r:id="rId89"/>
            </p:custDataLst>
          </p:nvPr>
        </p:nvSpPr>
        <p:spPr>
          <a:xfrm>
            <a:off x="4136616" y="27178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64" name="OTLSHAPE_M_2100832453ba450ea0ab5e93a7665381_Title"/>
          <p:cNvSpPr txBox="1"/>
          <p:nvPr>
            <p:custDataLst>
              <p:tags r:id="rId90"/>
            </p:custDataLst>
          </p:nvPr>
        </p:nvSpPr>
        <p:spPr>
          <a:xfrm>
            <a:off x="3758487" y="3604768"/>
            <a:ext cx="15621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FEEF94"/>
                </a:solidFill>
                <a:latin typeface="Century Schoolbook" panose="02040604050505020304" pitchFamily="18" charset="0"/>
              </a:rPr>
              <a:t>Saturday Night Fever</a:t>
            </a:r>
            <a:endParaRPr lang="en-US" sz="1200" spc="-8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6465" name="OTLSHAPE_M_2100832453ba450ea0ab5e93a7665381_Date"/>
          <p:cNvSpPr txBox="1"/>
          <p:nvPr>
            <p:custDataLst>
              <p:tags r:id="rId91"/>
            </p:custDataLst>
          </p:nvPr>
        </p:nvSpPr>
        <p:spPr>
          <a:xfrm>
            <a:off x="4404536" y="34243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1977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6466" name="OTLSHAPE_M_2100832453ba450ea0ab5e93a7665381_Shape"/>
          <p:cNvSpPr/>
          <p:nvPr>
            <p:custDataLst>
              <p:tags r:id="rId92"/>
            </p:custDataLst>
          </p:nvPr>
        </p:nvSpPr>
        <p:spPr>
          <a:xfrm>
            <a:off x="4448224" y="27178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67" name="OTLSHAPE_M_19e5e41e4520426ebb29421d89a31a6b_Title"/>
          <p:cNvSpPr txBox="1"/>
          <p:nvPr>
            <p:custDataLst>
              <p:tags r:id="rId93"/>
            </p:custDataLst>
          </p:nvPr>
        </p:nvSpPr>
        <p:spPr>
          <a:xfrm>
            <a:off x="4477884" y="3126825"/>
            <a:ext cx="10541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rgbClr val="FEEF94"/>
                </a:solidFill>
                <a:latin typeface="Century Schoolbook" panose="02040604050505020304" pitchFamily="18" charset="0"/>
              </a:rPr>
              <a:t>Urban Cowboy</a:t>
            </a:r>
            <a:endParaRPr lang="en-US" sz="1200" spc="-12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6468" name="OTLSHAPE_M_19e5e41e4520426ebb29421d89a31a6b_Date"/>
          <p:cNvSpPr txBox="1"/>
          <p:nvPr>
            <p:custDataLst>
              <p:tags r:id="rId94"/>
            </p:custDataLst>
          </p:nvPr>
        </p:nvSpPr>
        <p:spPr>
          <a:xfrm>
            <a:off x="4871309" y="2946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1980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6469" name="OTLSHAPE_M_19e5e41e4520426ebb29421d89a31a6b_Shape"/>
          <p:cNvSpPr/>
          <p:nvPr>
            <p:custDataLst>
              <p:tags r:id="rId95"/>
            </p:custDataLst>
          </p:nvPr>
        </p:nvSpPr>
        <p:spPr>
          <a:xfrm>
            <a:off x="4914997" y="27178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70" name="OTLSHAPE_M_bd1e722943ad4e619098ff22f502198e_Title"/>
          <p:cNvSpPr txBox="1"/>
          <p:nvPr>
            <p:custDataLst>
              <p:tags r:id="rId96"/>
            </p:custDataLst>
          </p:nvPr>
        </p:nvSpPr>
        <p:spPr>
          <a:xfrm>
            <a:off x="5932599" y="4070521"/>
            <a:ext cx="15621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dirty="0" smtClean="0">
                <a:solidFill>
                  <a:srgbClr val="E6E0DE"/>
                </a:solidFill>
                <a:latin typeface="Century Schoolbook" panose="02040604050505020304" pitchFamily="18" charset="0"/>
              </a:rPr>
              <a:t>Marries Kelly Preston</a:t>
            </a:r>
            <a:endParaRPr lang="en-US" sz="1200" spc="-8" dirty="0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6471" name="OTLSHAPE_M_bd1e722943ad4e619098ff22f502198e_Date"/>
          <p:cNvSpPr txBox="1"/>
          <p:nvPr>
            <p:custDataLst>
              <p:tags r:id="rId97"/>
            </p:custDataLst>
          </p:nvPr>
        </p:nvSpPr>
        <p:spPr>
          <a:xfrm>
            <a:off x="6584088" y="38900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8BCB8"/>
                </a:solidFill>
                <a:latin typeface="Calibri" panose="020F0502020204030204" pitchFamily="34" charset="0"/>
              </a:rPr>
              <a:t>1991</a:t>
            </a:r>
            <a:endParaRPr lang="en-US" sz="1000" spc="-10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6472" name="OTLSHAPE_M_bd1e722943ad4e619098ff22f502198e_Shape"/>
          <p:cNvSpPr/>
          <p:nvPr>
            <p:custDataLst>
              <p:tags r:id="rId98"/>
            </p:custDataLst>
          </p:nvPr>
        </p:nvSpPr>
        <p:spPr>
          <a:xfrm>
            <a:off x="6627776" y="27178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73" name="OTLSHAPE_M_34245e7a5fc0495d85f533ec4c8c4d90_Title"/>
          <p:cNvSpPr txBox="1"/>
          <p:nvPr>
            <p:custDataLst>
              <p:tags r:id="rId99"/>
            </p:custDataLst>
          </p:nvPr>
        </p:nvSpPr>
        <p:spPr>
          <a:xfrm>
            <a:off x="6950402" y="3602057"/>
            <a:ext cx="7747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 dirty="0" smtClean="0">
                <a:solidFill>
                  <a:srgbClr val="FEEF94"/>
                </a:solidFill>
                <a:latin typeface="Century Schoolbook" panose="02040604050505020304" pitchFamily="18" charset="0"/>
              </a:rPr>
              <a:t>Get Shorty</a:t>
            </a:r>
            <a:endParaRPr lang="en-US" sz="1200" spc="-14" dirty="0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6474" name="OTLSHAPE_M_34245e7a5fc0495d85f533ec4c8c4d90_Date"/>
          <p:cNvSpPr txBox="1"/>
          <p:nvPr>
            <p:custDataLst>
              <p:tags r:id="rId100"/>
            </p:custDataLst>
          </p:nvPr>
        </p:nvSpPr>
        <p:spPr>
          <a:xfrm>
            <a:off x="7206878" y="342163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1995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6475" name="OTLSHAPE_M_34245e7a5fc0495d85f533ec4c8c4d90_Shape"/>
          <p:cNvSpPr/>
          <p:nvPr>
            <p:custDataLst>
              <p:tags r:id="rId101"/>
            </p:custDataLst>
          </p:nvPr>
        </p:nvSpPr>
        <p:spPr>
          <a:xfrm>
            <a:off x="7250566" y="27178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76" name="OTLSHAPE_M_4f9e0d608dda466d9233c1ef5c35fd4d_Title"/>
          <p:cNvSpPr txBox="1"/>
          <p:nvPr>
            <p:custDataLst>
              <p:tags r:id="rId102"/>
            </p:custDataLst>
          </p:nvPr>
        </p:nvSpPr>
        <p:spPr>
          <a:xfrm>
            <a:off x="7310349" y="3127591"/>
            <a:ext cx="9906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dirty="0" smtClean="0">
                <a:solidFill>
                  <a:srgbClr val="FEEF94"/>
                </a:solidFill>
                <a:latin typeface="Century Schoolbook" panose="02040604050505020304" pitchFamily="18" charset="0"/>
              </a:rPr>
              <a:t>A Civil Action</a:t>
            </a:r>
            <a:endParaRPr lang="en-US" sz="1200" spc="-10" dirty="0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6477" name="OTLSHAPE_M_4f9e0d608dda466d9233c1ef5c35fd4d_Date"/>
          <p:cNvSpPr txBox="1"/>
          <p:nvPr>
            <p:custDataLst>
              <p:tags r:id="rId103"/>
            </p:custDataLst>
          </p:nvPr>
        </p:nvSpPr>
        <p:spPr>
          <a:xfrm>
            <a:off x="7674077" y="294716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1998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6478" name="OTLSHAPE_M_4f9e0d608dda466d9233c1ef5c35fd4d_Shape"/>
          <p:cNvSpPr/>
          <p:nvPr>
            <p:custDataLst>
              <p:tags r:id="rId104"/>
            </p:custDataLst>
          </p:nvPr>
        </p:nvSpPr>
        <p:spPr>
          <a:xfrm>
            <a:off x="7717765" y="27178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79" name="OTLSHAPE_M_83828c26744d41998e56233a70f9e9e7_Title"/>
          <p:cNvSpPr txBox="1"/>
          <p:nvPr>
            <p:custDataLst>
              <p:tags r:id="rId105"/>
            </p:custDataLst>
          </p:nvPr>
        </p:nvSpPr>
        <p:spPr>
          <a:xfrm>
            <a:off x="8844193" y="3126825"/>
            <a:ext cx="7239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 dirty="0" smtClean="0">
                <a:solidFill>
                  <a:srgbClr val="FEEF94"/>
                </a:solidFill>
                <a:latin typeface="Century Schoolbook" panose="02040604050505020304" pitchFamily="18" charset="0"/>
              </a:rPr>
              <a:t>Hairspray</a:t>
            </a:r>
            <a:endParaRPr lang="en-US" sz="1200" spc="-14" dirty="0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6480" name="OTLSHAPE_M_83828c26744d41998e56233a70f9e9e7_Date"/>
          <p:cNvSpPr txBox="1"/>
          <p:nvPr>
            <p:custDataLst>
              <p:tags r:id="rId106"/>
            </p:custDataLst>
          </p:nvPr>
        </p:nvSpPr>
        <p:spPr>
          <a:xfrm>
            <a:off x="9075248" y="29464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2007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6483" name="OTLSHAPE_M_83828c26744d41998e56233a70f9e9e7_Shape"/>
          <p:cNvSpPr/>
          <p:nvPr>
            <p:custDataLst>
              <p:tags r:id="rId107"/>
            </p:custDataLst>
          </p:nvPr>
        </p:nvSpPr>
        <p:spPr>
          <a:xfrm>
            <a:off x="9118936" y="27178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84" name="OTLSHAPE_M_1cfb373462504a66af5377cb25514174_Title"/>
          <p:cNvSpPr txBox="1"/>
          <p:nvPr>
            <p:custDataLst>
              <p:tags r:id="rId108"/>
            </p:custDataLst>
          </p:nvPr>
        </p:nvSpPr>
        <p:spPr>
          <a:xfrm>
            <a:off x="8237396" y="4082711"/>
            <a:ext cx="28702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E6E0DE"/>
                </a:solidFill>
                <a:latin typeface="Century Schoolbook" panose="02040604050505020304" pitchFamily="18" charset="0"/>
              </a:rPr>
              <a:t>Aids Haiti after catastrophic earthquake</a:t>
            </a:r>
            <a:endParaRPr lang="en-US" sz="1200" spc="-4" dirty="0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6485" name="OTLSHAPE_M_1cfb373462504a66af5377cb25514174_Date"/>
          <p:cNvSpPr txBox="1"/>
          <p:nvPr>
            <p:custDataLst>
              <p:tags r:id="rId109"/>
            </p:custDataLst>
          </p:nvPr>
        </p:nvSpPr>
        <p:spPr>
          <a:xfrm>
            <a:off x="9542448" y="39022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C8BCB8"/>
                </a:solidFill>
                <a:latin typeface="Calibri" panose="020F0502020204030204" pitchFamily="34" charset="0"/>
              </a:rPr>
              <a:t>2010</a:t>
            </a:r>
            <a:endParaRPr lang="en-US" sz="1000" spc="-10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6486" name="OTLSHAPE_M_1cfb373462504a66af5377cb25514174_Shape"/>
          <p:cNvSpPr/>
          <p:nvPr>
            <p:custDataLst>
              <p:tags r:id="rId110"/>
            </p:custDataLst>
          </p:nvPr>
        </p:nvSpPr>
        <p:spPr>
          <a:xfrm>
            <a:off x="9586136" y="27178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87" name="OTLSHAPE_M_d4411e1beab04461b289f034c497e1b9_Title"/>
          <p:cNvSpPr txBox="1"/>
          <p:nvPr>
            <p:custDataLst>
              <p:tags r:id="rId111"/>
            </p:custDataLst>
          </p:nvPr>
        </p:nvSpPr>
        <p:spPr>
          <a:xfrm>
            <a:off x="9825808" y="3604768"/>
            <a:ext cx="15875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smtClean="0">
                <a:solidFill>
                  <a:srgbClr val="FEEF94"/>
                </a:solidFill>
                <a:latin typeface="Century Schoolbook" panose="02040604050505020304" pitchFamily="18" charset="0"/>
              </a:rPr>
              <a:t>American Crime Story</a:t>
            </a:r>
            <a:endParaRPr lang="en-US" sz="1200" spc="-8">
              <a:solidFill>
                <a:srgbClr val="FEEF94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6488" name="OTLSHAPE_M_d4411e1beab04461b289f034c497e1b9_Date"/>
          <p:cNvSpPr txBox="1"/>
          <p:nvPr>
            <p:custDataLst>
              <p:tags r:id="rId112"/>
            </p:custDataLst>
          </p:nvPr>
        </p:nvSpPr>
        <p:spPr>
          <a:xfrm>
            <a:off x="10490060" y="34243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FF3AB"/>
                </a:solidFill>
                <a:latin typeface="Calibri" panose="020F0502020204030204" pitchFamily="34" charset="0"/>
              </a:rPr>
              <a:t>2016</a:t>
            </a:r>
            <a:endParaRPr lang="en-US" sz="1000" spc="-10">
              <a:solidFill>
                <a:srgbClr val="FFF3AB"/>
              </a:solidFill>
              <a:latin typeface="Calibri" panose="020F0502020204030204" pitchFamily="34" charset="0"/>
            </a:endParaRPr>
          </a:p>
        </p:txBody>
      </p:sp>
      <p:sp>
        <p:nvSpPr>
          <p:cNvPr id="6489" name="OTLSHAPE_M_d4411e1beab04461b289f034c497e1b9_Shape"/>
          <p:cNvSpPr/>
          <p:nvPr>
            <p:custDataLst>
              <p:tags r:id="rId113"/>
            </p:custDataLst>
          </p:nvPr>
        </p:nvSpPr>
        <p:spPr>
          <a:xfrm>
            <a:off x="10533749" y="2717800"/>
            <a:ext cx="190500" cy="203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E64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90" name="OTLSHAPE_M_466dd2d5eb6346d38e380d4e55182104_Title"/>
          <p:cNvSpPr txBox="1"/>
          <p:nvPr>
            <p:custDataLst>
              <p:tags r:id="rId114"/>
            </p:custDataLst>
          </p:nvPr>
        </p:nvSpPr>
        <p:spPr>
          <a:xfrm>
            <a:off x="10451683" y="3126825"/>
            <a:ext cx="977900" cy="18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smtClean="0">
                <a:solidFill>
                  <a:srgbClr val="E6E0DE"/>
                </a:solidFill>
                <a:latin typeface="Century Schoolbook" panose="02040604050505020304" pitchFamily="18" charset="0"/>
              </a:rPr>
              <a:t>64th birthday</a:t>
            </a:r>
            <a:endParaRPr lang="en-US" sz="1200" spc="-10">
              <a:solidFill>
                <a:srgbClr val="E6E0DE"/>
              </a:solidFill>
              <a:latin typeface="Century Schoolbook" panose="02040604050505020304" pitchFamily="18" charset="0"/>
            </a:endParaRPr>
          </a:p>
        </p:txBody>
      </p:sp>
      <p:sp>
        <p:nvSpPr>
          <p:cNvPr id="6491" name="OTLSHAPE_M_466dd2d5eb6346d38e380d4e55182104_Date"/>
          <p:cNvSpPr txBox="1"/>
          <p:nvPr>
            <p:custDataLst>
              <p:tags r:id="rId115"/>
            </p:custDataLst>
          </p:nvPr>
        </p:nvSpPr>
        <p:spPr>
          <a:xfrm>
            <a:off x="10606348" y="294640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C8BCB8"/>
                </a:solidFill>
                <a:latin typeface="Calibri" panose="020F0502020204030204" pitchFamily="34" charset="0"/>
              </a:rPr>
              <a:t>Feb 18, 2018</a:t>
            </a:r>
            <a:endParaRPr lang="en-US" sz="1000" spc="-6">
              <a:solidFill>
                <a:srgbClr val="C8BCB8"/>
              </a:solidFill>
              <a:latin typeface="Calibri" panose="020F0502020204030204" pitchFamily="34" charset="0"/>
            </a:endParaRPr>
          </a:p>
        </p:txBody>
      </p:sp>
      <p:sp>
        <p:nvSpPr>
          <p:cNvPr id="6492" name="OTLSHAPE_M_466dd2d5eb6346d38e380d4e55182104_Shape"/>
          <p:cNvSpPr/>
          <p:nvPr>
            <p:custDataLst>
              <p:tags r:id="rId116"/>
            </p:custDataLst>
          </p:nvPr>
        </p:nvSpPr>
        <p:spPr>
          <a:xfrm>
            <a:off x="10852177" y="2717800"/>
            <a:ext cx="190500" cy="203200"/>
          </a:xfrm>
          <a:prstGeom prst="diamond">
            <a:avLst/>
          </a:prstGeom>
          <a:solidFill>
            <a:srgbClr val="B2A2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9655650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AsIlN0eWxlIjp7IiRpZCI6IjMiLCJUaW1lYmFuZFN0eWxlIjp7IiRpZCI6IjQiLCJTY2FsZU1hcmtpbmciOjAsIlNoYXBlIjo2LCJTaGFwZVN0eWxlIjp7IiRpZCI6IjUiLCJNYXJnaW4iOnsiJGlkIjoiNiIsIlRvcCI6MCwiTGVmdCI6MTAsIlJpZ2h0IjoxMCwiQm90dG9tIjowfSwiUGFkZGluZyI6eyIkaWQiOiI3IiwiVG9wIjozLCJMZWZ0IjoxMywiUmlnaHQiOjEzLCJCb3R0b20iOjN9LCJCYWNrZ3JvdW5kIjp7IiRpZCI6IjgiLCJDb2xvciI6eyIkaWQiOiI5IiwiQSI6MjU1LCJSIjoxODksIkciOjE3LCJCIjo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DYWxpYnJpIiwiSXNCb2xkIjp0cnVlLCJJc0l0YWxpYyI6ZmFsc2UsIklzVW5kZXJsaW5lZCI6ZmFsc2UsIlBhcmVudFN0eWxlIjpudWxsfSwiQXV0b1NpemUiOjAsIkZvcmVncm91bmQiOnsiJGlkIjoiMTUiLCJDb2xvciI6eyIkaWQiOiIxNiIsIkEiOjI1NSwiUiI6MjQ3LCJHIjoxOTIsIkIiOjEx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NhbGlicmkiLCJJc0JvbGQiOnRydWUsIklzSXRhbGljIjpmYWxzZSwiSXNVbmRlcmxpbmVkIjpmYWxzZSwiUGFyZW50U3R5bGUiOm51bGx9LCJBdXRvU2l6ZSI6MCwiRm9yZWdyb3VuZCI6eyIkaWQiOiIyMyIsIkNvbG9yIjp7IiRpZCI6IjI0IiwiQSI6MjU1LCJSIjoyNDcsIkciOjE5MiwiQiI6MTF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0LCJHIjoyMzAsIkIiOjc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kxLCJHIjoxNTUsIkIiOjIxM3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OTEsIkciOjE1NSwiQiI6MjEz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ZW50dXJ5IFNjaG9vbGJvb2siLCJJc0JvbGQiOmZhbHN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1LCJHIjoxNjUsIkIiOjE2NX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dHJ1ZSwiVGltZVBhcnRJc1Zpc2libGUiOmZhbHNlfX0sIklzVmlzaWJsZSI6dHJ1ZSwiUGFyZW50U3R5bGUiOm51bGx9LCJEZWZhdWx0VGFza1N0eWxlIjp7IiRpZCI6IjgzIiwiU2hhcGUiOjcsIlNoYXBlVGhpY2tuZXNzIjoxLCJEdXJhdGlvbkZvcm1hdCI6NS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wLCJHIjowLCJCIjowfX0sIk1heFdpZHRoIjoyMDAuMCwiTWF4SGVpZ2h0IjoiSW5maW5pdHkiLCJTbWFydEZvcmVncm91bmRJc0FjdGl2ZSI6ZmFsc2UsIkhvcml6b250YWxBbGlnbm1lbnQiOjAsIlZlcnRpY2FsQWxpZ25tZW50IjowLCJTbWFydEZvcmVncm91bmQiOm51bGw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xMC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iwiRm9udE5hbWUiOiJDYWxpYnJpIiwiSXNCb2xkIjpmYWxz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CwiVmVydGljYWxBbGlnbm1lbnQiOjAsIlNtYXJ0Rm9yZWdyb3VuZCI6bnVsb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I4NyIsIlRvcCI6MCwiTGVmdCI6MCwiUmlnaHQiOjAsIkJvdHRvbSI6MH0sIlBhZGRpbmciOnsiJGlkIjoiMjg4IiwiVG9wIjowLCJMZWZ0IjowLCJSaWdodCI6MCwiQm90dG9tIjowfSwiQmFja2dyb3VuZCI6eyIkcmVmIjoiNzMi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I5MiIsIlRvcCI6MCwiTGVmdCI6MCwiUmlnaHQiOjAsIkJvdHRvbSI6MH0sIlBhZGRpbmciOnsiJGlkIjoiMjkzIiwiVG9wIjowLCJMZWZ0IjowLCJSaWdodCI6MCwiQm90dG9tIjowfSwiQmFja2dyb3VuZCI6eyIkcmVmIjoiODAifSwiSXNWaXNpYmxlIjp0cnVlLCJXaWR0aCI6MC4wLCJIZWlnaHQiOjAuMCwiQm9yZGVyU3R5bGUiOnsiJGlkIjoiMjk0IiwiTGluZUNvbG9yIjpudWxsLCJMaW5lV2VpZ2h0IjowLjAsIkxpbmVUeXBlIjowLCJQYXJlbnRTdHlsZSI6bnVsbH0sIlBhcmVudFN0eWxlIjpudWxsfSwiRGF0ZUZvcm1hdCI6eyIkaWQiOiIyO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NCwiRmlsZVBhdGgiOiJDOlxcT2ZmaWNlIFRpbWVsaW5lXFxKb2huIFRyYXZvbHRhIFRpbWVsaW5lLnhsc3giLCJUaW1lQ29uZmlndXJhdGlvbiI6eyIkaWQiOiI4MjMiLCJVc2VUaW1lIjpmYWxzZSwiV29ya0RheVN0YXJ0IjoiMDA6MDA6MDAiLCJXb3JrRGF5RW5kIjoiMjM6NTk6MDAifSwiTGFzdFVzZWRUZW1wbGF0ZUlkIjoiNjI3YmNhZGYtMzlhYi00NGRkLTgzMzktYzMzZjJkMTNiOTlk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4</Words>
  <Application>Microsoft Office PowerPoint</Application>
  <PresentationFormat>Widescreen</PresentationFormat>
  <Paragraphs>5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Schoolbook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2-15T08:32:12Z</dcterms:created>
  <dcterms:modified xsi:type="dcterms:W3CDTF">2018-02-15T08:46:50Z</dcterms:modified>
</cp:coreProperties>
</file>